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ulpenwitte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194C31B-9BA7-A156-311B-967619646BC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3539" y="5172075"/>
            <a:ext cx="1777925" cy="149701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FD68D5B0-4740-2075-080C-18D223904D1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2340" y="3990975"/>
            <a:ext cx="1676114" cy="141128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9-18T07:30:26Z</dcterms:modified>
</cp:coreProperties>
</file>